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32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5\Machine-Learning\"/>
    </mc:Choice>
  </mc:AlternateContent>
  <xr:revisionPtr revIDLastSave="0" documentId="13_ncr:9_{14D73059-C83A-4043-A81F-EA6D14C0B17B}" xr6:coauthVersionLast="47" xr6:coauthVersionMax="47" xr10:uidLastSave="{00000000-0000-0000-0000-000000000000}"/>
  <bookViews>
    <workbookView xWindow="-120" yWindow="-120" windowWidth="29040" windowHeight="15720" xr2:uid="{D752BE0E-011F-4CB8-810F-789C0B4B303C}"/>
  </bookViews>
  <sheets>
    <sheet name="discharge" sheetId="1" r:id="rId1"/>
  </sheets>
  <calcPr calcId="0"/>
</workbook>
</file>

<file path=xl/sharedStrings.xml><?xml version="1.0" encoding="utf-8"?>
<sst xmlns="http://schemas.openxmlformats.org/spreadsheetml/2006/main" count="339545" uniqueCount="18">
  <si>
    <t>Voltage_measured</t>
  </si>
  <si>
    <t>Current_measured</t>
  </si>
  <si>
    <t>Temperature_measured</t>
  </si>
  <si>
    <t>Current_charge</t>
  </si>
  <si>
    <t>Voltage_charge</t>
  </si>
  <si>
    <t>Time</t>
  </si>
  <si>
    <t>Capacity</t>
  </si>
  <si>
    <t>id_cycle</t>
  </si>
  <si>
    <t>type</t>
  </si>
  <si>
    <t>ambient_temperature</t>
  </si>
  <si>
    <t>time</t>
  </si>
  <si>
    <t>Battery</t>
  </si>
  <si>
    <t>discharge</t>
  </si>
  <si>
    <t>B0005</t>
  </si>
  <si>
    <t>B0006</t>
  </si>
  <si>
    <t>B0007</t>
  </si>
  <si>
    <t>B0018</t>
  </si>
  <si>
    <t xml:space="preserve">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1">
    <xf numFmtId="0" fontId="0" fillId="0" borderId="0" xfId="0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ischarg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ANKAR TANWAR</dc:creator>
  <cp:lastModifiedBy>SHANKAR TANWAR</cp:lastModifiedBy>
  <dcterms:created xsi:type="dcterms:W3CDTF">2025-02-05T10:10:19Z</dcterms:created>
  <dcterms:modified xsi:type="dcterms:W3CDTF">2025-02-05T11:37:24Z</dcterms:modified>
</cp:coreProperties>
</file>